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CE1655" w:rsidRPr="00401B6A" w:rsidTr="00035402">
        <w:trPr>
          <w:trHeight w:hRule="exact" w:val="1418"/>
        </w:trPr>
        <w:tc>
          <w:tcPr>
            <w:tcW w:w="6804" w:type="dxa"/>
            <w:shd w:val="clear" w:color="auto" w:fill="auto"/>
            <w:vAlign w:val="center"/>
          </w:tcPr>
          <w:p w:rsidR="00CE1655" w:rsidRPr="00401B6A" w:rsidRDefault="002D3CA8" w:rsidP="00035402">
            <w:pPr>
              <w:pStyle w:val="EPName"/>
            </w:pPr>
            <w:bookmarkStart w:id="0" w:name="_GoBack"/>
            <w:bookmarkEnd w:id="0"/>
            <w:r w:rsidRPr="00401B6A">
              <w:t>Parlamentul European</w:t>
            </w:r>
          </w:p>
          <w:p w:rsidR="00CE1655" w:rsidRPr="00401B6A" w:rsidRDefault="00CC18A9" w:rsidP="00CC18A9">
            <w:pPr>
              <w:pStyle w:val="EPTerm"/>
              <w:rPr>
                <w:rStyle w:val="HideTWBExt"/>
                <w:noProof w:val="0"/>
                <w:vanish w:val="0"/>
                <w:color w:val="auto"/>
              </w:rPr>
            </w:pPr>
            <w:r w:rsidRPr="00401B6A">
              <w:t>2019-2024</w:t>
            </w:r>
          </w:p>
        </w:tc>
        <w:tc>
          <w:tcPr>
            <w:tcW w:w="2268" w:type="dxa"/>
            <w:shd w:val="clear" w:color="auto" w:fill="auto"/>
          </w:tcPr>
          <w:p w:rsidR="00CE1655" w:rsidRPr="00401B6A" w:rsidRDefault="00FC705F" w:rsidP="00035402">
            <w:pPr>
              <w:pStyle w:val="EPLogo"/>
            </w:pPr>
            <w:r w:rsidRPr="00401B6A">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00C7D" w:rsidRPr="00401B6A" w:rsidRDefault="00000C7D" w:rsidP="00000C7D">
      <w:pPr>
        <w:pStyle w:val="LineTop"/>
      </w:pPr>
    </w:p>
    <w:p w:rsidR="00000C7D" w:rsidRPr="00401B6A" w:rsidRDefault="00000C7D" w:rsidP="00000C7D">
      <w:pPr>
        <w:pStyle w:val="EPBody"/>
      </w:pPr>
      <w:r w:rsidRPr="00401B6A">
        <w:rPr>
          <w:rStyle w:val="HideTWBExt"/>
          <w:noProof w:val="0"/>
        </w:rPr>
        <w:t>&lt;</w:t>
      </w:r>
      <w:r w:rsidRPr="00401B6A">
        <w:rPr>
          <w:rStyle w:val="HideTWBExt"/>
          <w:i w:val="0"/>
          <w:noProof w:val="0"/>
        </w:rPr>
        <w:t>Commission</w:t>
      </w:r>
      <w:r w:rsidRPr="00401B6A">
        <w:rPr>
          <w:rStyle w:val="HideTWBExt"/>
          <w:noProof w:val="0"/>
        </w:rPr>
        <w:t>&gt;</w:t>
      </w:r>
      <w:r w:rsidRPr="00401B6A">
        <w:rPr>
          <w:rStyle w:val="HideTWBInt"/>
        </w:rPr>
        <w:t>{CULT}</w:t>
      </w:r>
      <w:r w:rsidRPr="00401B6A">
        <w:t xml:space="preserve">Comisia pentru cultură </w:t>
      </w:r>
      <w:r w:rsidR="00401B6A" w:rsidRPr="00401B6A">
        <w:t>ș</w:t>
      </w:r>
      <w:r w:rsidRPr="00401B6A">
        <w:t>i educa</w:t>
      </w:r>
      <w:r w:rsidR="00401B6A" w:rsidRPr="00401B6A">
        <w:t>ț</w:t>
      </w:r>
      <w:r w:rsidRPr="00401B6A">
        <w:t>ie</w:t>
      </w:r>
      <w:r w:rsidRPr="00401B6A">
        <w:rPr>
          <w:rStyle w:val="HideTWBExt"/>
          <w:noProof w:val="0"/>
        </w:rPr>
        <w:t>&lt;/</w:t>
      </w:r>
      <w:r w:rsidRPr="00401B6A">
        <w:rPr>
          <w:rStyle w:val="HideTWBExt"/>
          <w:i w:val="0"/>
          <w:noProof w:val="0"/>
        </w:rPr>
        <w:t>Commission</w:t>
      </w:r>
      <w:r w:rsidRPr="00401B6A">
        <w:rPr>
          <w:rStyle w:val="HideTWBExt"/>
          <w:noProof w:val="0"/>
        </w:rPr>
        <w:t>&gt;</w:t>
      </w:r>
    </w:p>
    <w:p w:rsidR="00000C7D" w:rsidRPr="00401B6A" w:rsidRDefault="002D3CA8" w:rsidP="00000C7D">
      <w:pPr>
        <w:pStyle w:val="EPBody"/>
      </w:pPr>
      <w:r w:rsidRPr="00401B6A">
        <w:t>Pre</w:t>
      </w:r>
      <w:r w:rsidR="00401B6A" w:rsidRPr="00401B6A">
        <w:t>ș</w:t>
      </w:r>
      <w:r w:rsidRPr="00401B6A">
        <w:t>edintele</w:t>
      </w:r>
    </w:p>
    <w:p w:rsidR="00000C7D" w:rsidRPr="00401B6A" w:rsidRDefault="00000C7D" w:rsidP="00000C7D">
      <w:pPr>
        <w:pStyle w:val="LineBottom"/>
      </w:pPr>
    </w:p>
    <w:p w:rsidR="00E71F4C" w:rsidRPr="00401B6A" w:rsidRDefault="00501E47" w:rsidP="007C3F41">
      <w:pPr>
        <w:pStyle w:val="LetterDate"/>
      </w:pPr>
      <w:r w:rsidRPr="00401B6A">
        <w:rPr>
          <w:rStyle w:val="HideTWBExt"/>
          <w:noProof w:val="0"/>
        </w:rPr>
        <w:t>&lt;Date&gt;</w:t>
      </w:r>
      <w:r w:rsidRPr="00401B6A">
        <w:rPr>
          <w:rStyle w:val="HideTWBInt"/>
        </w:rPr>
        <w:t>{12/05/2020}</w:t>
      </w:r>
      <w:r w:rsidRPr="00401B6A">
        <w:t>12.5.2020</w:t>
      </w:r>
      <w:r w:rsidRPr="00401B6A">
        <w:rPr>
          <w:rStyle w:val="HideTWBExt"/>
          <w:noProof w:val="0"/>
        </w:rPr>
        <w:t>&lt;/Date&gt;</w:t>
      </w:r>
    </w:p>
    <w:p w:rsidR="007179A7" w:rsidRPr="00401B6A" w:rsidRDefault="00CC18A9">
      <w:r w:rsidRPr="00401B6A">
        <w:t>Domnului David McAllister</w:t>
      </w:r>
    </w:p>
    <w:p w:rsidR="007179A7" w:rsidRPr="00401B6A" w:rsidRDefault="002D3CA8">
      <w:r w:rsidRPr="00401B6A">
        <w:t>Pre</w:t>
      </w:r>
      <w:r w:rsidR="00401B6A" w:rsidRPr="00401B6A">
        <w:t>ș</w:t>
      </w:r>
      <w:r w:rsidRPr="00401B6A">
        <w:t>edinte</w:t>
      </w:r>
    </w:p>
    <w:p w:rsidR="007179A7" w:rsidRPr="00401B6A" w:rsidRDefault="00CC18A9">
      <w:r w:rsidRPr="00401B6A">
        <w:t>Comisia pentru afaceri externe</w:t>
      </w:r>
    </w:p>
    <w:p w:rsidR="007179A7" w:rsidRPr="00401B6A" w:rsidRDefault="002D3CA8">
      <w:r w:rsidRPr="00401B6A">
        <w:t>BRUXELLES</w:t>
      </w:r>
    </w:p>
    <w:p w:rsidR="00CC18A9" w:rsidRPr="00401B6A" w:rsidRDefault="00CC18A9"/>
    <w:p w:rsidR="00CC18A9" w:rsidRPr="00401B6A" w:rsidRDefault="00CC18A9" w:rsidP="00CC18A9">
      <w:pPr>
        <w:tabs>
          <w:tab w:val="left" w:pos="-1104"/>
          <w:tab w:val="left" w:pos="-96"/>
          <w:tab w:val="center" w:pos="2448"/>
          <w:tab w:val="left" w:pos="4512"/>
        </w:tabs>
        <w:suppressAutoHyphens/>
        <w:jc w:val="both"/>
        <w:rPr>
          <w:spacing w:val="-2"/>
        </w:rPr>
      </w:pPr>
      <w:r w:rsidRPr="00401B6A">
        <w:t>Domnului Bernd Lange</w:t>
      </w:r>
    </w:p>
    <w:p w:rsidR="00CC18A9" w:rsidRPr="00401B6A" w:rsidRDefault="00CC18A9" w:rsidP="00CC18A9">
      <w:pPr>
        <w:tabs>
          <w:tab w:val="left" w:pos="-1104"/>
          <w:tab w:val="left" w:pos="-96"/>
          <w:tab w:val="center" w:pos="2448"/>
          <w:tab w:val="left" w:pos="4512"/>
        </w:tabs>
        <w:suppressAutoHyphens/>
        <w:jc w:val="both"/>
        <w:rPr>
          <w:spacing w:val="-2"/>
        </w:rPr>
      </w:pPr>
      <w:r w:rsidRPr="00401B6A">
        <w:t>Pre</w:t>
      </w:r>
      <w:r w:rsidR="00401B6A" w:rsidRPr="00401B6A">
        <w:t>ș</w:t>
      </w:r>
      <w:r w:rsidRPr="00401B6A">
        <w:t xml:space="preserve">edinte </w:t>
      </w:r>
    </w:p>
    <w:p w:rsidR="00CC18A9" w:rsidRPr="00401B6A" w:rsidRDefault="00CC18A9" w:rsidP="00CC18A9">
      <w:pPr>
        <w:tabs>
          <w:tab w:val="left" w:pos="-1104"/>
          <w:tab w:val="left" w:pos="-96"/>
          <w:tab w:val="center" w:pos="2448"/>
          <w:tab w:val="left" w:pos="4512"/>
        </w:tabs>
        <w:suppressAutoHyphens/>
        <w:jc w:val="both"/>
        <w:rPr>
          <w:spacing w:val="-2"/>
        </w:rPr>
      </w:pPr>
      <w:r w:rsidRPr="00401B6A">
        <w:t>Comisia pentru comer</w:t>
      </w:r>
      <w:r w:rsidR="00401B6A" w:rsidRPr="00401B6A">
        <w:t>ț</w:t>
      </w:r>
      <w:r w:rsidRPr="00401B6A">
        <w:t xml:space="preserve"> interna</w:t>
      </w:r>
      <w:r w:rsidR="00401B6A" w:rsidRPr="00401B6A">
        <w:t>ț</w:t>
      </w:r>
      <w:r w:rsidRPr="00401B6A">
        <w:t>ional</w:t>
      </w:r>
    </w:p>
    <w:p w:rsidR="00CC18A9" w:rsidRPr="00401B6A" w:rsidRDefault="00CC18A9" w:rsidP="00CC18A9">
      <w:pPr>
        <w:tabs>
          <w:tab w:val="left" w:pos="-1104"/>
          <w:tab w:val="left" w:pos="-96"/>
          <w:tab w:val="center" w:pos="2448"/>
          <w:tab w:val="left" w:pos="4512"/>
        </w:tabs>
        <w:suppressAutoHyphens/>
        <w:jc w:val="both"/>
        <w:rPr>
          <w:spacing w:val="-2"/>
        </w:rPr>
      </w:pPr>
      <w:r w:rsidRPr="00401B6A">
        <w:t>BRUXELLES</w:t>
      </w:r>
    </w:p>
    <w:p w:rsidR="00CC18A9" w:rsidRPr="00401B6A" w:rsidRDefault="00CC18A9"/>
    <w:p w:rsidR="00CC18A9" w:rsidRPr="00401B6A" w:rsidRDefault="00CC18A9"/>
    <w:p w:rsidR="009F796C" w:rsidRPr="00401B6A" w:rsidRDefault="002D3CA8" w:rsidP="009F796C">
      <w:pPr>
        <w:pStyle w:val="LetterSubject"/>
        <w:rPr>
          <w:rStyle w:val="HideTWBExt"/>
          <w:noProof w:val="0"/>
          <w:color w:val="auto"/>
        </w:rPr>
      </w:pPr>
      <w:r w:rsidRPr="00401B6A">
        <w:t>Subiect:</w:t>
      </w:r>
      <w:r w:rsidRPr="00401B6A">
        <w:tab/>
      </w:r>
      <w:r w:rsidRPr="00401B6A">
        <w:rPr>
          <w:rStyle w:val="HideTWBExt"/>
          <w:noProof w:val="0"/>
        </w:rPr>
        <w:t>&lt;Titre&gt;</w:t>
      </w:r>
      <w:r w:rsidRPr="00401B6A">
        <w:t xml:space="preserve">Aviz referitor la recomandările privind negocierile pentru un nou parteneriat cu Regatul Unit al Marii Britanii </w:t>
      </w:r>
      <w:r w:rsidR="00401B6A" w:rsidRPr="00401B6A">
        <w:t>ș</w:t>
      </w:r>
      <w:r w:rsidRPr="00401B6A">
        <w:t>i Irlandei de Nord</w:t>
      </w:r>
      <w:r w:rsidRPr="00401B6A">
        <w:rPr>
          <w:rStyle w:val="HideTWBExt"/>
          <w:noProof w:val="0"/>
        </w:rPr>
        <w:t>&lt;/Titre&gt;</w:t>
      </w:r>
      <w:r w:rsidRPr="00401B6A">
        <w:t xml:space="preserve"> </w:t>
      </w:r>
      <w:r w:rsidRPr="00401B6A">
        <w:rPr>
          <w:rStyle w:val="HideTWBExt"/>
          <w:noProof w:val="0"/>
        </w:rPr>
        <w:t>&lt;DocRef&gt;</w:t>
      </w:r>
      <w:r w:rsidRPr="00401B6A">
        <w:t>(2020/2023(INI))</w:t>
      </w:r>
      <w:r w:rsidRPr="00401B6A">
        <w:rPr>
          <w:rStyle w:val="HideTWBExt"/>
          <w:noProof w:val="0"/>
        </w:rPr>
        <w:t>&lt;/DocRef&gt;</w:t>
      </w:r>
    </w:p>
    <w:p w:rsidR="00CC18A9" w:rsidRPr="00401B6A" w:rsidRDefault="00CC18A9" w:rsidP="009F796C">
      <w:pPr>
        <w:pStyle w:val="LetterSubject"/>
      </w:pPr>
    </w:p>
    <w:p w:rsidR="00CC18A9" w:rsidRPr="00401B6A" w:rsidRDefault="00161B1B" w:rsidP="00CC18A9">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pPr>
      <w:r w:rsidRPr="00401B6A">
        <w:t>Stimate domnule Mcallister, Stimate domnule Lange,</w:t>
      </w:r>
    </w:p>
    <w:p w:rsidR="00CC18A9" w:rsidRPr="00401B6A" w:rsidRDefault="00CC18A9" w:rsidP="00CC18A9">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pPr>
    </w:p>
    <w:p w:rsidR="00CC18A9" w:rsidRPr="00401B6A" w:rsidRDefault="00CC18A9" w:rsidP="00CC18A9">
      <w:pPr>
        <w:tabs>
          <w:tab w:val="left" w:pos="432"/>
          <w:tab w:val="left" w:pos="720"/>
          <w:tab w:val="left" w:pos="1008"/>
          <w:tab w:val="right" w:leader="dot" w:pos="8400"/>
          <w:tab w:val="decimal" w:pos="9552"/>
        </w:tabs>
        <w:suppressAutoHyphens/>
      </w:pPr>
      <w:r w:rsidRPr="00401B6A">
        <w:t xml:space="preserve">În numele Comisiei pentru cultură </w:t>
      </w:r>
      <w:r w:rsidR="00401B6A" w:rsidRPr="00401B6A">
        <w:t>ș</w:t>
      </w:r>
      <w:r w:rsidRPr="00401B6A">
        <w:t>i educa</w:t>
      </w:r>
      <w:r w:rsidR="00401B6A" w:rsidRPr="00401B6A">
        <w:t>ț</w:t>
      </w:r>
      <w:r w:rsidRPr="00401B6A">
        <w:t>ie, a</w:t>
      </w:r>
      <w:r w:rsidR="00401B6A" w:rsidRPr="00401B6A">
        <w:t>ș</w:t>
      </w:r>
      <w:r w:rsidRPr="00401B6A">
        <w:t xml:space="preserve"> dori să vă prezint, sub forma unei scrisori, avizul Comisiei CULT referitor la raportul men</w:t>
      </w:r>
      <w:r w:rsidR="00401B6A" w:rsidRPr="00401B6A">
        <w:t>ț</w:t>
      </w:r>
      <w:r w:rsidRPr="00401B6A">
        <w:t>ionat anterior. Conform solicitării, avizul este formulat ca o contribu</w:t>
      </w:r>
      <w:r w:rsidR="00401B6A" w:rsidRPr="00401B6A">
        <w:t>ț</w:t>
      </w:r>
      <w:r w:rsidRPr="00401B6A">
        <w:t>ie la rezolu</w:t>
      </w:r>
      <w:r w:rsidR="00401B6A" w:rsidRPr="00401B6A">
        <w:t>ț</w:t>
      </w:r>
      <w:r w:rsidRPr="00401B6A">
        <w:t>ie.</w:t>
      </w:r>
    </w:p>
    <w:p w:rsidR="00CC18A9" w:rsidRPr="00401B6A" w:rsidRDefault="00CC18A9" w:rsidP="00CC18A9">
      <w:pPr>
        <w:tabs>
          <w:tab w:val="left" w:pos="432"/>
          <w:tab w:val="left" w:pos="720"/>
          <w:tab w:val="left" w:pos="1008"/>
          <w:tab w:val="right" w:leader="dot" w:pos="8400"/>
          <w:tab w:val="decimal" w:pos="9552"/>
        </w:tabs>
        <w:suppressAutoHyphens/>
      </w:pPr>
    </w:p>
    <w:p w:rsidR="00CC18A9" w:rsidRPr="00401B6A" w:rsidRDefault="00CC18A9" w:rsidP="00CC18A9">
      <w:pPr>
        <w:tabs>
          <w:tab w:val="left" w:pos="432"/>
          <w:tab w:val="left" w:pos="720"/>
          <w:tab w:val="left" w:pos="1008"/>
          <w:tab w:val="right" w:leader="dot" w:pos="8400"/>
          <w:tab w:val="decimal" w:pos="9552"/>
        </w:tabs>
        <w:suppressAutoHyphens/>
      </w:pPr>
      <w:r w:rsidRPr="00401B6A">
        <w:t>Dacă ave</w:t>
      </w:r>
      <w:r w:rsidR="00401B6A" w:rsidRPr="00401B6A">
        <w:t>ț</w:t>
      </w:r>
      <w:r w:rsidRPr="00401B6A">
        <w:t>i întrebări cu privire la avizul nostru sau dacă dori</w:t>
      </w:r>
      <w:r w:rsidR="00401B6A" w:rsidRPr="00401B6A">
        <w:t>ț</w:t>
      </w:r>
      <w:r w:rsidRPr="00401B6A">
        <w:t>i să discuta</w:t>
      </w:r>
      <w:r w:rsidR="00401B6A" w:rsidRPr="00401B6A">
        <w:t>ț</w:t>
      </w:r>
      <w:r w:rsidRPr="00401B6A">
        <w:t>i despre punctele care figurează în acesta, rămân la dispozi</w:t>
      </w:r>
      <w:r w:rsidR="00401B6A" w:rsidRPr="00401B6A">
        <w:t>ț</w:t>
      </w:r>
      <w:r w:rsidRPr="00401B6A">
        <w:t xml:space="preserve">ia dumneavoastră. </w:t>
      </w:r>
    </w:p>
    <w:p w:rsidR="00CC18A9" w:rsidRPr="00401B6A" w:rsidRDefault="00CC18A9" w:rsidP="00CC18A9">
      <w:pPr>
        <w:tabs>
          <w:tab w:val="left" w:pos="432"/>
          <w:tab w:val="left" w:pos="720"/>
          <w:tab w:val="left" w:pos="1008"/>
          <w:tab w:val="right" w:leader="dot" w:pos="8400"/>
          <w:tab w:val="decimal" w:pos="9552"/>
        </w:tabs>
        <w:suppressAutoHyphens/>
      </w:pPr>
    </w:p>
    <w:p w:rsidR="007179A7" w:rsidRPr="00401B6A" w:rsidRDefault="002D3CA8" w:rsidP="007C3F41">
      <w:pPr>
        <w:pStyle w:val="Normal12a"/>
      </w:pPr>
      <w:r w:rsidRPr="00401B6A">
        <w:t>Vă asigur de înalta mea considera</w:t>
      </w:r>
      <w:r w:rsidR="00401B6A" w:rsidRPr="00401B6A">
        <w:t>ț</w:t>
      </w:r>
      <w:r w:rsidRPr="00401B6A">
        <w:t>ie,</w:t>
      </w:r>
    </w:p>
    <w:p w:rsidR="007179A7" w:rsidRPr="00401B6A" w:rsidRDefault="00CC18A9">
      <w:pPr>
        <w:pStyle w:val="LetterSignature"/>
      </w:pPr>
      <w:r w:rsidRPr="00401B6A">
        <w:t>Sabine Verheyen</w:t>
      </w:r>
    </w:p>
    <w:p w:rsidR="00CC18A9" w:rsidRPr="00401B6A" w:rsidRDefault="00CC18A9" w:rsidP="00CC18A9">
      <w:pPr>
        <w:pStyle w:val="Signature2"/>
        <w:spacing w:line="360" w:lineRule="auto"/>
      </w:pPr>
      <w:r w:rsidRPr="00401B6A">
        <w:t>Pre</w:t>
      </w:r>
      <w:r w:rsidR="00401B6A" w:rsidRPr="00401B6A">
        <w:t>ș</w:t>
      </w:r>
      <w:r w:rsidRPr="00401B6A">
        <w:t xml:space="preserve">edintă, Comisia pentru cultură </w:t>
      </w:r>
      <w:r w:rsidR="00401B6A" w:rsidRPr="00401B6A">
        <w:t>ș</w:t>
      </w:r>
      <w:r w:rsidRPr="00401B6A">
        <w:t>i educa</w:t>
      </w:r>
      <w:r w:rsidR="00401B6A" w:rsidRPr="00401B6A">
        <w:t>ț</w:t>
      </w:r>
      <w:r w:rsidRPr="00401B6A">
        <w:t>ie</w:t>
      </w:r>
    </w:p>
    <w:p w:rsidR="007732C5" w:rsidRPr="00401B6A" w:rsidRDefault="007732C5" w:rsidP="007732C5">
      <w:pPr>
        <w:pStyle w:val="PageHeadingNotTOC"/>
      </w:pPr>
      <w:r w:rsidRPr="00401B6A">
        <w:br w:type="page"/>
      </w:r>
      <w:r w:rsidRPr="00401B6A">
        <w:lastRenderedPageBreak/>
        <w:t>SUGESTII</w:t>
      </w:r>
    </w:p>
    <w:p w:rsidR="002A6DCC" w:rsidRPr="00401B6A" w:rsidRDefault="002A6DCC" w:rsidP="002A6DCC">
      <w:pPr>
        <w:spacing w:after="240"/>
        <w:ind w:left="567" w:hanging="567"/>
        <w:rPr>
          <w:szCs w:val="24"/>
        </w:rPr>
      </w:pPr>
      <w:bookmarkStart w:id="1" w:name="restart"/>
      <w:r w:rsidRPr="00401B6A">
        <w:t>A.</w:t>
      </w:r>
      <w:r w:rsidRPr="00401B6A">
        <w:tab/>
      </w:r>
      <w:bookmarkEnd w:id="1"/>
      <w:r w:rsidRPr="00401B6A">
        <w:t xml:space="preserve">întrucât protejarea </w:t>
      </w:r>
      <w:r w:rsidR="00401B6A" w:rsidRPr="00401B6A">
        <w:t>ș</w:t>
      </w:r>
      <w:r w:rsidRPr="00401B6A">
        <w:t>i promovarea diversită</w:t>
      </w:r>
      <w:r w:rsidR="00401B6A" w:rsidRPr="00401B6A">
        <w:t>ț</w:t>
      </w:r>
      <w:r w:rsidRPr="00401B6A">
        <w:t xml:space="preserve">ii culturale </w:t>
      </w:r>
      <w:r w:rsidR="00401B6A" w:rsidRPr="00401B6A">
        <w:t>ș</w:t>
      </w:r>
      <w:r w:rsidRPr="00401B6A">
        <w:t>i lingvistice trebuie să fie piatra de temelie a oricărui acord viitor cu Regatul Unit;</w:t>
      </w:r>
    </w:p>
    <w:p w:rsidR="002A6DCC" w:rsidRPr="00401B6A" w:rsidRDefault="002A6DCC" w:rsidP="002A6DCC">
      <w:pPr>
        <w:spacing w:after="240"/>
        <w:ind w:left="567" w:hanging="567"/>
      </w:pPr>
      <w:r w:rsidRPr="00401B6A">
        <w:t>B.</w:t>
      </w:r>
      <w:r w:rsidRPr="00401B6A">
        <w:tab/>
        <w:t>întrucât cooperarea în domeniul educa</w:t>
      </w:r>
      <w:r w:rsidR="00401B6A" w:rsidRPr="00401B6A">
        <w:t>ț</w:t>
      </w:r>
      <w:r w:rsidRPr="00401B6A">
        <w:t xml:space="preserve">iei, culturii </w:t>
      </w:r>
      <w:r w:rsidR="00401B6A" w:rsidRPr="00401B6A">
        <w:t>ș</w:t>
      </w:r>
      <w:r w:rsidRPr="00401B6A">
        <w:t>i tineretului face parte integrantă dintr-o rela</w:t>
      </w:r>
      <w:r w:rsidR="00401B6A" w:rsidRPr="00401B6A">
        <w:t>ț</w:t>
      </w:r>
      <w:r w:rsidRPr="00401B6A">
        <w:t xml:space="preserve">ie strânsă, cooperantă </w:t>
      </w:r>
      <w:r w:rsidR="00401B6A" w:rsidRPr="00401B6A">
        <w:t>ș</w:t>
      </w:r>
      <w:r w:rsidRPr="00401B6A">
        <w:t xml:space="preserve">i productivă cu orice </w:t>
      </w:r>
      <w:r w:rsidR="00401B6A" w:rsidRPr="00401B6A">
        <w:t>ț</w:t>
      </w:r>
      <w:r w:rsidRPr="00401B6A">
        <w:t>ară ter</w:t>
      </w:r>
      <w:r w:rsidR="00401B6A" w:rsidRPr="00401B6A">
        <w:t>ț</w:t>
      </w:r>
      <w:r w:rsidRPr="00401B6A">
        <w:t>ă; întrucât Regatul Unit este un partener esen</w:t>
      </w:r>
      <w:r w:rsidR="00401B6A" w:rsidRPr="00401B6A">
        <w:t>ț</w:t>
      </w:r>
      <w:r w:rsidRPr="00401B6A">
        <w:t>ial al Uniunii în domeniile educa</w:t>
      </w:r>
      <w:r w:rsidR="00401B6A" w:rsidRPr="00401B6A">
        <w:t>ț</w:t>
      </w:r>
      <w:r w:rsidRPr="00401B6A">
        <w:t xml:space="preserve">iei, culturii, tineretului </w:t>
      </w:r>
      <w:r w:rsidR="00401B6A" w:rsidRPr="00401B6A">
        <w:t>ș</w:t>
      </w:r>
      <w:r w:rsidRPr="00401B6A">
        <w:t>i învă</w:t>
      </w:r>
      <w:r w:rsidR="00401B6A" w:rsidRPr="00401B6A">
        <w:t>ț</w:t>
      </w:r>
      <w:r w:rsidRPr="00401B6A">
        <w:t>ării limbilor; întrucât, de</w:t>
      </w:r>
      <w:r w:rsidR="00401B6A" w:rsidRPr="00401B6A">
        <w:t>ș</w:t>
      </w:r>
      <w:r w:rsidRPr="00401B6A">
        <w:t>i noul acord este conceput pentru a gestiona un proces de divergen</w:t>
      </w:r>
      <w:r w:rsidR="00401B6A" w:rsidRPr="00401B6A">
        <w:t>ț</w:t>
      </w:r>
      <w:r w:rsidRPr="00401B6A">
        <w:t xml:space="preserve">ă, Uniunea </w:t>
      </w:r>
      <w:r w:rsidR="00401B6A" w:rsidRPr="00401B6A">
        <w:t>ș</w:t>
      </w:r>
      <w:r w:rsidRPr="00401B6A">
        <w:t xml:space="preserve">i Regatul Unit ar trebui să încerce să se bazeze pe cooperarea foarte strânsă care există deja în aceste domenii, pe baza rădăcinilor comune stabilite în cei 47 de ani în care Regatul Unit a fost membru al Uniunii; întrucât participarea Regatului Unit la programele Erasmus+, Europa creativă </w:t>
      </w:r>
      <w:r w:rsidR="00401B6A" w:rsidRPr="00401B6A">
        <w:t>ș</w:t>
      </w:r>
      <w:r w:rsidRPr="00401B6A">
        <w:t xml:space="preserve">i Corpul european de solidaritate ar contribui la sprijinirea </w:t>
      </w:r>
      <w:r w:rsidR="00401B6A" w:rsidRPr="00401B6A">
        <w:t>ș</w:t>
      </w:r>
      <w:r w:rsidRPr="00401B6A">
        <w:t xml:space="preserve">i promovarea unei cooperări strânse </w:t>
      </w:r>
      <w:r w:rsidR="00401B6A" w:rsidRPr="00401B6A">
        <w:t>ș</w:t>
      </w:r>
      <w:r w:rsidRPr="00401B6A">
        <w:t xml:space="preserve">i continue </w:t>
      </w:r>
      <w:r w:rsidR="00401B6A" w:rsidRPr="00401B6A">
        <w:t>ș</w:t>
      </w:r>
      <w:r w:rsidRPr="00401B6A">
        <w:t>i a unor re</w:t>
      </w:r>
      <w:r w:rsidR="00401B6A" w:rsidRPr="00401B6A">
        <w:t>ț</w:t>
      </w:r>
      <w:r w:rsidRPr="00401B6A">
        <w:t>ele eficace;</w:t>
      </w:r>
    </w:p>
    <w:p w:rsidR="002A6DCC" w:rsidRPr="00401B6A" w:rsidRDefault="002A6DCC" w:rsidP="002A6DCC">
      <w:pPr>
        <w:spacing w:after="240"/>
        <w:ind w:left="567" w:hanging="567"/>
        <w:rPr>
          <w:rFonts w:eastAsia="Calibri"/>
          <w:szCs w:val="22"/>
        </w:rPr>
      </w:pPr>
      <w:r w:rsidRPr="00401B6A">
        <w:t xml:space="preserve"> C.</w:t>
      </w:r>
      <w:r w:rsidRPr="00401B6A">
        <w:tab/>
        <w:t xml:space="preserve">întrucât participarea continuă a Regatului Unit la programul Erasmus+ ar avea o valoare clară pentru beneficiarii programului din Regatul Unit </w:t>
      </w:r>
      <w:r w:rsidR="00401B6A" w:rsidRPr="00401B6A">
        <w:t>ș</w:t>
      </w:r>
      <w:r w:rsidRPr="00401B6A">
        <w:t xml:space="preserve">i din întreaga Uniune; întrucât orice participare a Regatului Unit la Erasmus+ ar trebui să respecte toate normele </w:t>
      </w:r>
      <w:r w:rsidR="00401B6A" w:rsidRPr="00401B6A">
        <w:t>ș</w:t>
      </w:r>
      <w:r w:rsidRPr="00401B6A">
        <w:t>i condi</w:t>
      </w:r>
      <w:r w:rsidR="00401B6A" w:rsidRPr="00401B6A">
        <w:t>ț</w:t>
      </w:r>
      <w:r w:rsidRPr="00401B6A">
        <w:t>iile de participare aplicabile, astfel cum sunt prevăzute în regulamentul privind programul; întrucât Regatul Unit nu se poate bucura de nicio putere de decizie în ceea ce prive</w:t>
      </w:r>
      <w:r w:rsidR="00401B6A" w:rsidRPr="00401B6A">
        <w:t>ș</w:t>
      </w:r>
      <w:r w:rsidRPr="00401B6A">
        <w:t>te programul; întrucât, în mandatul său de negociere, Regatul Unit declară că va lua în considerare participarea la anumite elemente ale programului Erasmus+ pe perioadă limitată;</w:t>
      </w:r>
    </w:p>
    <w:p w:rsidR="002A6DCC" w:rsidRPr="00401B6A" w:rsidRDefault="002A6DCC" w:rsidP="002A6DCC">
      <w:pPr>
        <w:spacing w:after="240"/>
        <w:ind w:left="567" w:hanging="567"/>
        <w:rPr>
          <w:szCs w:val="24"/>
        </w:rPr>
      </w:pPr>
      <w:r w:rsidRPr="00401B6A">
        <w:t>D.</w:t>
      </w:r>
      <w:r w:rsidRPr="00401B6A">
        <w:tab/>
        <w:t xml:space="preserve">întrucât, până în prezent, Regatul Unit nu </w:t>
      </w:r>
      <w:r w:rsidR="00401B6A" w:rsidRPr="00401B6A">
        <w:t>ș</w:t>
      </w:r>
      <w:r w:rsidRPr="00401B6A">
        <w:t>i-a manifestat inten</w:t>
      </w:r>
      <w:r w:rsidR="00401B6A" w:rsidRPr="00401B6A">
        <w:t>ț</w:t>
      </w:r>
      <w:r w:rsidRPr="00401B6A">
        <w:t>ia de a continua participarea la programul „Europa creativă” sau la Corpul european de solidaritate;</w:t>
      </w:r>
    </w:p>
    <w:p w:rsidR="002A6DCC" w:rsidRPr="00401B6A" w:rsidRDefault="002A6DCC" w:rsidP="002A6DCC">
      <w:pPr>
        <w:pStyle w:val="NormalHanging12a"/>
        <w:rPr>
          <w:snapToGrid w:val="0"/>
          <w:szCs w:val="24"/>
        </w:rPr>
      </w:pPr>
      <w:r w:rsidRPr="00401B6A">
        <w:rPr>
          <w:snapToGrid w:val="0"/>
          <w:szCs w:val="24"/>
        </w:rPr>
        <w:t>E.</w:t>
      </w:r>
      <w:r w:rsidRPr="00401B6A">
        <w:rPr>
          <w:snapToGrid w:val="0"/>
          <w:szCs w:val="24"/>
        </w:rPr>
        <w:tab/>
        <w:t>întrucât Regatul Unit, în mandatul său de negociere, observă că acordul cu Uniunea ar putea „promova comer</w:t>
      </w:r>
      <w:r w:rsidR="00401B6A" w:rsidRPr="00401B6A">
        <w:rPr>
          <w:snapToGrid w:val="0"/>
          <w:szCs w:val="24"/>
        </w:rPr>
        <w:t>ț</w:t>
      </w:r>
      <w:r w:rsidRPr="00401B6A">
        <w:rPr>
          <w:snapToGrid w:val="0"/>
          <w:szCs w:val="24"/>
        </w:rPr>
        <w:t>ul cu servicii audiovizuale”; întrucât o „excep</w:t>
      </w:r>
      <w:r w:rsidR="00401B6A" w:rsidRPr="00401B6A">
        <w:rPr>
          <w:snapToGrid w:val="0"/>
          <w:szCs w:val="24"/>
        </w:rPr>
        <w:t>ț</w:t>
      </w:r>
      <w:r w:rsidRPr="00401B6A">
        <w:rPr>
          <w:snapToGrid w:val="0"/>
          <w:szCs w:val="24"/>
        </w:rPr>
        <w:t xml:space="preserve">ie culturală” s-a aplicat întotdeauna în acordurile de liber schimb încheiate de Uniune cu </w:t>
      </w:r>
      <w:r w:rsidR="00401B6A" w:rsidRPr="00401B6A">
        <w:rPr>
          <w:snapToGrid w:val="0"/>
          <w:szCs w:val="24"/>
        </w:rPr>
        <w:t>ț</w:t>
      </w:r>
      <w:r w:rsidRPr="00401B6A">
        <w:rPr>
          <w:snapToGrid w:val="0"/>
          <w:szCs w:val="24"/>
        </w:rPr>
        <w:t>ări ter</w:t>
      </w:r>
      <w:r w:rsidR="00401B6A" w:rsidRPr="00401B6A">
        <w:rPr>
          <w:snapToGrid w:val="0"/>
          <w:szCs w:val="24"/>
        </w:rPr>
        <w:t>ț</w:t>
      </w:r>
      <w:r w:rsidRPr="00401B6A">
        <w:rPr>
          <w:snapToGrid w:val="0"/>
          <w:szCs w:val="24"/>
        </w:rPr>
        <w:t xml:space="preserve">e </w:t>
      </w:r>
      <w:r w:rsidR="00401B6A" w:rsidRPr="00401B6A">
        <w:rPr>
          <w:snapToGrid w:val="0"/>
          <w:szCs w:val="24"/>
        </w:rPr>
        <w:t>ș</w:t>
      </w:r>
      <w:r w:rsidRPr="00401B6A">
        <w:rPr>
          <w:snapToGrid w:val="0"/>
          <w:szCs w:val="24"/>
        </w:rPr>
        <w:t>i nu există niciun precedent al unui acord de liber schimb al Uniunii care să prevadă accesul echivalent pe pia</w:t>
      </w:r>
      <w:r w:rsidR="00401B6A" w:rsidRPr="00401B6A">
        <w:rPr>
          <w:snapToGrid w:val="0"/>
          <w:szCs w:val="24"/>
        </w:rPr>
        <w:t>ț</w:t>
      </w:r>
      <w:r w:rsidRPr="00401B6A">
        <w:rPr>
          <w:snapToGrid w:val="0"/>
          <w:szCs w:val="24"/>
        </w:rPr>
        <w:t>a unică pentru furnizorii de servicii mass-media audiovizuale situa</w:t>
      </w:r>
      <w:r w:rsidR="00401B6A" w:rsidRPr="00401B6A">
        <w:rPr>
          <w:snapToGrid w:val="0"/>
          <w:szCs w:val="24"/>
        </w:rPr>
        <w:t>ț</w:t>
      </w:r>
      <w:r w:rsidRPr="00401B6A">
        <w:rPr>
          <w:snapToGrid w:val="0"/>
          <w:szCs w:val="24"/>
        </w:rPr>
        <w:t>i în afara Spa</w:t>
      </w:r>
      <w:r w:rsidR="00401B6A" w:rsidRPr="00401B6A">
        <w:rPr>
          <w:snapToGrid w:val="0"/>
          <w:szCs w:val="24"/>
        </w:rPr>
        <w:t>ț</w:t>
      </w:r>
      <w:r w:rsidRPr="00401B6A">
        <w:rPr>
          <w:snapToGrid w:val="0"/>
          <w:szCs w:val="24"/>
        </w:rPr>
        <w:t>iului Economic European (SEE);</w:t>
      </w:r>
    </w:p>
    <w:p w:rsidR="002A6DCC" w:rsidRPr="00401B6A" w:rsidRDefault="002A6DCC" w:rsidP="002A6DCC">
      <w:pPr>
        <w:pStyle w:val="NormalHanging12a"/>
        <w:rPr>
          <w:snapToGrid w:val="0"/>
          <w:szCs w:val="24"/>
        </w:rPr>
      </w:pPr>
      <w:r w:rsidRPr="00401B6A">
        <w:rPr>
          <w:snapToGrid w:val="0"/>
          <w:szCs w:val="24"/>
        </w:rPr>
        <w:t>F.</w:t>
      </w:r>
      <w:r w:rsidRPr="00401B6A">
        <w:rPr>
          <w:snapToGrid w:val="0"/>
          <w:szCs w:val="24"/>
        </w:rPr>
        <w:tab/>
        <w:t>întrucât directivele privind serviciile mass-media audiovizuale prevăd standarde minime pentru serviciile mass-media audiovizuale, în scopul de a asigura redirec</w:t>
      </w:r>
      <w:r w:rsidR="00401B6A" w:rsidRPr="00401B6A">
        <w:rPr>
          <w:snapToGrid w:val="0"/>
          <w:szCs w:val="24"/>
        </w:rPr>
        <w:t>ț</w:t>
      </w:r>
      <w:r w:rsidRPr="00401B6A">
        <w:rPr>
          <w:snapToGrid w:val="0"/>
          <w:szCs w:val="24"/>
        </w:rPr>
        <w:t xml:space="preserve">ionarea liberă a serviciilor mass-media audiovizuale pe baza principiului </w:t>
      </w:r>
      <w:r w:rsidR="00401B6A" w:rsidRPr="00401B6A">
        <w:rPr>
          <w:snapToGrid w:val="0"/>
          <w:szCs w:val="24"/>
        </w:rPr>
        <w:t>ț</w:t>
      </w:r>
      <w:r w:rsidRPr="00401B6A">
        <w:rPr>
          <w:snapToGrid w:val="0"/>
          <w:szCs w:val="24"/>
        </w:rPr>
        <w:t>ării de origin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pPr>
      <w:r w:rsidRPr="00401B6A">
        <w:t>G.</w:t>
      </w:r>
      <w:r w:rsidRPr="00401B6A">
        <w:tab/>
        <w:t>întrucât, prin intermediul normelor Uniunii, s-a găsit un echilibru între libera circula</w:t>
      </w:r>
      <w:r w:rsidR="00401B6A" w:rsidRPr="00401B6A">
        <w:t>ț</w:t>
      </w:r>
      <w:r w:rsidRPr="00401B6A">
        <w:t xml:space="preserve">ie a mărfurilor </w:t>
      </w:r>
      <w:r w:rsidR="00401B6A" w:rsidRPr="00401B6A">
        <w:t>ș</w:t>
      </w:r>
      <w:r w:rsidRPr="00401B6A">
        <w:t>i protejarea bunurilor culturale cu valoare artistică, istorică sau arheologică; întrucât Regatul Unit nu oferă, în mandatul său de negociere, nicio indica</w:t>
      </w:r>
      <w:r w:rsidR="00401B6A" w:rsidRPr="00401B6A">
        <w:t>ț</w:t>
      </w:r>
      <w:r w:rsidRPr="00401B6A">
        <w:t>ie cu privire la modul în care preconizează o viitoare cooperare în domeniul protec</w:t>
      </w:r>
      <w:r w:rsidR="00401B6A" w:rsidRPr="00401B6A">
        <w:t>ț</w:t>
      </w:r>
      <w:r w:rsidRPr="00401B6A">
        <w:t>iei bunurilor cultural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pP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t>1.</w:t>
      </w:r>
      <w:r w:rsidRPr="00401B6A">
        <w:tab/>
        <w:t xml:space="preserve">consideră că acordul ar trebui să stipuleze clar faptul că va respecta diversitatea culturală </w:t>
      </w:r>
      <w:r w:rsidR="00401B6A" w:rsidRPr="00401B6A">
        <w:t>ș</w:t>
      </w:r>
      <w:r w:rsidRPr="00401B6A">
        <w:t>i lingvistică, în conformitate cu Conven</w:t>
      </w:r>
      <w:r w:rsidR="00401B6A" w:rsidRPr="00401B6A">
        <w:t>ț</w:t>
      </w:r>
      <w:r w:rsidRPr="00401B6A">
        <w:t>ia UNESCO privind protec</w:t>
      </w:r>
      <w:r w:rsidR="00401B6A" w:rsidRPr="00401B6A">
        <w:t>ț</w:t>
      </w:r>
      <w:r w:rsidRPr="00401B6A">
        <w:t xml:space="preserve">ia </w:t>
      </w:r>
      <w:r w:rsidR="00401B6A" w:rsidRPr="00401B6A">
        <w:t>ș</w:t>
      </w:r>
      <w:r w:rsidRPr="00401B6A">
        <w:t>i promovarea diversită</w:t>
      </w:r>
      <w:r w:rsidR="00401B6A" w:rsidRPr="00401B6A">
        <w:t>ț</w:t>
      </w:r>
      <w:r w:rsidRPr="00401B6A">
        <w:t>ii expresiilor cultural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lastRenderedPageBreak/>
        <w:t>2.</w:t>
      </w:r>
      <w:r w:rsidRPr="00401B6A">
        <w:tab/>
        <w:t>salută declara</w:t>
      </w:r>
      <w:r w:rsidR="00401B6A" w:rsidRPr="00401B6A">
        <w:t>ț</w:t>
      </w:r>
      <w:r w:rsidRPr="00401B6A">
        <w:t>ia clară din directivele de negociere ale Uniunii, potrivit căreia viitoarele rela</w:t>
      </w:r>
      <w:r w:rsidR="00401B6A" w:rsidRPr="00401B6A">
        <w:t>ț</w:t>
      </w:r>
      <w:r w:rsidRPr="00401B6A">
        <w:t xml:space="preserve">ii dintre UE </w:t>
      </w:r>
      <w:r w:rsidR="00401B6A" w:rsidRPr="00401B6A">
        <w:t>ș</w:t>
      </w:r>
      <w:r w:rsidRPr="00401B6A">
        <w:t xml:space="preserve">i Regatul Unit ar trebui să includă, de asemenea, dialogul </w:t>
      </w:r>
      <w:r w:rsidR="00401B6A" w:rsidRPr="00401B6A">
        <w:t>ș</w:t>
      </w:r>
      <w:r w:rsidRPr="00401B6A">
        <w:t>i schimbul în domeniul educa</w:t>
      </w:r>
      <w:r w:rsidR="00401B6A" w:rsidRPr="00401B6A">
        <w:t>ț</w:t>
      </w:r>
      <w:r w:rsidRPr="00401B6A">
        <w:t xml:space="preserve">iei </w:t>
      </w:r>
      <w:r w:rsidR="00401B6A" w:rsidRPr="00401B6A">
        <w:t>ș</w:t>
      </w:r>
      <w:r w:rsidRPr="00401B6A">
        <w:t>i culturii; regretă absen</w:t>
      </w:r>
      <w:r w:rsidR="00401B6A" w:rsidRPr="00401B6A">
        <w:t>ț</w:t>
      </w:r>
      <w:r w:rsidRPr="00401B6A">
        <w:t>a oricărei ambi</w:t>
      </w:r>
      <w:r w:rsidR="00401B6A" w:rsidRPr="00401B6A">
        <w:t>ț</w:t>
      </w:r>
      <w:r w:rsidRPr="00401B6A">
        <w:t>ii similare în mandatul de negociere al Regatului Unit; consideră că o cooperare strânsă, bazată pe legăturile strânse existente, este o condi</w:t>
      </w:r>
      <w:r w:rsidR="00401B6A" w:rsidRPr="00401B6A">
        <w:t>ț</w:t>
      </w:r>
      <w:r w:rsidRPr="00401B6A">
        <w:t>ie prealabilă pentru o viitoare rela</w:t>
      </w:r>
      <w:r w:rsidR="00401B6A" w:rsidRPr="00401B6A">
        <w:t>ț</w:t>
      </w:r>
      <w:r w:rsidRPr="00401B6A">
        <w:t xml:space="preserve">ie solidă dintre Uniune </w:t>
      </w:r>
      <w:r w:rsidR="00401B6A" w:rsidRPr="00401B6A">
        <w:t>ș</w:t>
      </w:r>
      <w:r w:rsidRPr="00401B6A">
        <w:t xml:space="preserve">i Regatul Unit </w:t>
      </w:r>
      <w:r w:rsidR="00401B6A" w:rsidRPr="00401B6A">
        <w:t>ș</w:t>
      </w:r>
      <w:r w:rsidRPr="00401B6A">
        <w:t>i solicită obiective ambi</w:t>
      </w:r>
      <w:r w:rsidR="00401B6A" w:rsidRPr="00401B6A">
        <w:t>ț</w:t>
      </w:r>
      <w:r w:rsidRPr="00401B6A">
        <w:t>ioase în această privin</w:t>
      </w:r>
      <w:r w:rsidR="00401B6A" w:rsidRPr="00401B6A">
        <w:t>ț</w:t>
      </w:r>
      <w:r w:rsidRPr="00401B6A">
        <w:t>ă; reaminte</w:t>
      </w:r>
      <w:r w:rsidR="00401B6A" w:rsidRPr="00401B6A">
        <w:t>ș</w:t>
      </w:r>
      <w:r w:rsidRPr="00401B6A">
        <w:t>te că mobilitatea persoanelor este esen</w:t>
      </w:r>
      <w:r w:rsidR="00401B6A" w:rsidRPr="00401B6A">
        <w:t>ț</w:t>
      </w:r>
      <w:r w:rsidRPr="00401B6A">
        <w:t xml:space="preserve">ială pentru încurajarea schimbului de persoane </w:t>
      </w:r>
      <w:r w:rsidR="00401B6A" w:rsidRPr="00401B6A">
        <w:t>ș</w:t>
      </w:r>
      <w:r w:rsidRPr="00401B6A">
        <w:t>i salută dispozi</w:t>
      </w:r>
      <w:r w:rsidR="00401B6A" w:rsidRPr="00401B6A">
        <w:t>ț</w:t>
      </w:r>
      <w:r w:rsidRPr="00401B6A">
        <w:t xml:space="preserve">iile privind mobilitatea pentru studiu, formare </w:t>
      </w:r>
      <w:r w:rsidR="00401B6A" w:rsidRPr="00401B6A">
        <w:t>ș</w:t>
      </w:r>
      <w:r w:rsidRPr="00401B6A">
        <w:t>i schimb de tineri prevăzute în proiectul de text al acordului publicat de Comisie; cu toate acestea, este preocupat de faptul că dispozi</w:t>
      </w:r>
      <w:r w:rsidR="00401B6A" w:rsidRPr="00401B6A">
        <w:t>ț</w:t>
      </w:r>
      <w:r w:rsidRPr="00401B6A">
        <w:t xml:space="preserve">iile care reglementează intrarea </w:t>
      </w:r>
      <w:r w:rsidR="00401B6A" w:rsidRPr="00401B6A">
        <w:t>ș</w:t>
      </w:r>
      <w:r w:rsidRPr="00401B6A">
        <w:t xml:space="preserve">i </w:t>
      </w:r>
      <w:r w:rsidR="00401B6A" w:rsidRPr="00401B6A">
        <w:t>ș</w:t>
      </w:r>
      <w:r w:rsidRPr="00401B6A">
        <w:t xml:space="preserve">ederea temporară a persoanelor fizice în scopuri profesionale nu răspund nevoilor sectorului cultural </w:t>
      </w:r>
      <w:r w:rsidR="00401B6A" w:rsidRPr="00401B6A">
        <w:t>ș</w:t>
      </w:r>
      <w:r w:rsidRPr="00401B6A">
        <w:t xml:space="preserve">i creativ </w:t>
      </w:r>
      <w:r w:rsidR="00401B6A" w:rsidRPr="00401B6A">
        <w:t>ș</w:t>
      </w:r>
      <w:r w:rsidRPr="00401B6A">
        <w:t>i riscă să împiedice continuarea schimburilor cultural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t>3.</w:t>
      </w:r>
      <w:r w:rsidRPr="00401B6A">
        <w:tab/>
        <w:t>salută declara</w:t>
      </w:r>
      <w:r w:rsidR="00401B6A" w:rsidRPr="00401B6A">
        <w:t>ț</w:t>
      </w:r>
      <w:r w:rsidRPr="00401B6A">
        <w:t>ia guvernului britanic, conform căreia acesta î</w:t>
      </w:r>
      <w:r w:rsidR="00401B6A" w:rsidRPr="00401B6A">
        <w:t>ș</w:t>
      </w:r>
      <w:r w:rsidRPr="00401B6A">
        <w:t>i men</w:t>
      </w:r>
      <w:r w:rsidR="00401B6A" w:rsidRPr="00401B6A">
        <w:t>ț</w:t>
      </w:r>
      <w:r w:rsidRPr="00401B6A">
        <w:t>ine angajamentul fa</w:t>
      </w:r>
      <w:r w:rsidR="00401B6A" w:rsidRPr="00401B6A">
        <w:t>ț</w:t>
      </w:r>
      <w:r w:rsidRPr="00401B6A">
        <w:t>ă de schimburile interna</w:t>
      </w:r>
      <w:r w:rsidR="00401B6A" w:rsidRPr="00401B6A">
        <w:t>ț</w:t>
      </w:r>
      <w:r w:rsidRPr="00401B6A">
        <w:t>ionale din domeniul educa</w:t>
      </w:r>
      <w:r w:rsidR="00401B6A" w:rsidRPr="00401B6A">
        <w:t>ț</w:t>
      </w:r>
      <w:r w:rsidRPr="00401B6A">
        <w:t>iei; î</w:t>
      </w:r>
      <w:r w:rsidR="00401B6A" w:rsidRPr="00401B6A">
        <w:t>ș</w:t>
      </w:r>
      <w:r w:rsidRPr="00401B6A">
        <w:t>i reiterează sprijinul pentru participarea continuă a Regatului Unit la programul Erasmus+; reaminte</w:t>
      </w:r>
      <w:r w:rsidR="00401B6A" w:rsidRPr="00401B6A">
        <w:t>ș</w:t>
      </w:r>
      <w:r w:rsidRPr="00401B6A">
        <w:t>te că participarea la program presupune ca Regatul Unit să aducă o contribu</w:t>
      </w:r>
      <w:r w:rsidR="00401B6A" w:rsidRPr="00401B6A">
        <w:t>ț</w:t>
      </w:r>
      <w:r w:rsidRPr="00401B6A">
        <w:t xml:space="preserve">ie financiară deplină </w:t>
      </w:r>
      <w:r w:rsidR="00401B6A" w:rsidRPr="00401B6A">
        <w:t>ș</w:t>
      </w:r>
      <w:r w:rsidRPr="00401B6A">
        <w:t xml:space="preserve">i echitabilă; subliniază că, dacă Regatul Unit participă la Erasmus+, trebuie să participe pe deplin la program </w:t>
      </w:r>
      <w:r w:rsidR="00401B6A" w:rsidRPr="00401B6A">
        <w:t>ș</w:t>
      </w:r>
      <w:r w:rsidRPr="00401B6A">
        <w:t>i pe întreaga durată a programului în cadrul CFM; subliniază importan</w:t>
      </w:r>
      <w:r w:rsidR="00401B6A" w:rsidRPr="00401B6A">
        <w:t>ț</w:t>
      </w:r>
      <w:r w:rsidRPr="00401B6A">
        <w:t>a asigurării condi</w:t>
      </w:r>
      <w:r w:rsidR="00401B6A" w:rsidRPr="00401B6A">
        <w:t>ț</w:t>
      </w:r>
      <w:r w:rsidRPr="00401B6A">
        <w:t>iilor necesare pentru mobilitatea în scop educa</w:t>
      </w:r>
      <w:r w:rsidR="00401B6A" w:rsidRPr="00401B6A">
        <w:t>ț</w:t>
      </w:r>
      <w:r w:rsidRPr="00401B6A">
        <w:t xml:space="preserve">ional în cadrul programului Erasmus+ atât în Regatul Unit, cât </w:t>
      </w:r>
      <w:r w:rsidR="00401B6A" w:rsidRPr="00401B6A">
        <w:t>ș</w:t>
      </w:r>
      <w:r w:rsidRPr="00401B6A">
        <w:t>i în UE, inclusiv egalitatea de tratament pentru cursan</w:t>
      </w:r>
      <w:r w:rsidR="00401B6A" w:rsidRPr="00401B6A">
        <w:t>ț</w:t>
      </w:r>
      <w:r w:rsidRPr="00401B6A">
        <w:t>ii la un schimb, de exemplu în ceea ce prive</w:t>
      </w:r>
      <w:r w:rsidR="00401B6A" w:rsidRPr="00401B6A">
        <w:t>ș</w:t>
      </w:r>
      <w:r w:rsidRPr="00401B6A">
        <w:t xml:space="preserve">te taxele de </w:t>
      </w:r>
      <w:r w:rsidR="00401B6A" w:rsidRPr="00401B6A">
        <w:t>ș</w:t>
      </w:r>
      <w:r w:rsidRPr="00401B6A">
        <w:t xml:space="preserve">colarizare, accesul facil la serviciile de bază </w:t>
      </w:r>
      <w:r w:rsidR="00401B6A" w:rsidRPr="00401B6A">
        <w:t>ș</w:t>
      </w:r>
      <w:r w:rsidRPr="00401B6A">
        <w:t>i evitarea sarcinilor financiare sau administrative nejustificat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2A6DCC" w:rsidRPr="00401B6A" w:rsidRDefault="00565425"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t>4.</w:t>
      </w:r>
      <w:r w:rsidRPr="00401B6A">
        <w:tab/>
        <w:t>ia act de faptul că Regatul Unit nu a indicat, până în prezent, nicio inten</w:t>
      </w:r>
      <w:r w:rsidR="00401B6A" w:rsidRPr="00401B6A">
        <w:t>ț</w:t>
      </w:r>
      <w:r w:rsidRPr="00401B6A">
        <w:t xml:space="preserve">ie de a continua participarea la programele „Europa creativă” sau la Corpul european de solidaritate; constată că decizia va constitui un obstacol în calea cooperării strânse în domeniul culturii </w:t>
      </w:r>
      <w:r w:rsidR="00401B6A" w:rsidRPr="00401B6A">
        <w:t>ș</w:t>
      </w:r>
      <w:r w:rsidRPr="00401B6A">
        <w:t>i al schimburilor de tineri;</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2A6DCC" w:rsidRPr="00401B6A" w:rsidRDefault="00565425"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t>5.</w:t>
      </w:r>
      <w:r w:rsidRPr="00401B6A">
        <w:tab/>
        <w:t>sprijină fără rezerve claritatea exprimată de directivele de negociere ale Uniunii în ceea ce prive</w:t>
      </w:r>
      <w:r w:rsidR="00401B6A" w:rsidRPr="00401B6A">
        <w:t>ș</w:t>
      </w:r>
      <w:r w:rsidRPr="00401B6A">
        <w:t xml:space="preserve">te faptul că serviciile audiovizuale ar trebui excluse din domeniul de aplicare al parteneriatului economic </w:t>
      </w:r>
      <w:r w:rsidR="00401B6A" w:rsidRPr="00401B6A">
        <w:t>ș</w:t>
      </w:r>
      <w:r w:rsidRPr="00401B6A">
        <w:t>i îndeamnă Comisia să î</w:t>
      </w:r>
      <w:r w:rsidR="00401B6A" w:rsidRPr="00401B6A">
        <w:t>ș</w:t>
      </w:r>
      <w:r w:rsidRPr="00401B6A">
        <w:t>i păstreze pozi</w:t>
      </w:r>
      <w:r w:rsidR="00401B6A" w:rsidRPr="00401B6A">
        <w:t>ț</w:t>
      </w:r>
      <w:r w:rsidRPr="00401B6A">
        <w:t>ia;</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2A6DCC" w:rsidRPr="00401B6A" w:rsidRDefault="00565425"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r w:rsidRPr="00401B6A">
        <w:t xml:space="preserve">6. </w:t>
      </w:r>
      <w:r w:rsidRPr="00401B6A">
        <w:tab/>
        <w:t>subliniază că accesul la pia</w:t>
      </w:r>
      <w:r w:rsidR="00401B6A" w:rsidRPr="00401B6A">
        <w:t>ț</w:t>
      </w:r>
      <w:r w:rsidRPr="00401B6A">
        <w:t>a serviciilor audiovizuale din Uniune poate fi garantat numai dacă Directiva privind serviciile mass-media audiovizuale este pusă în aplicare pe deplin, astfel încât ambelor păr</w:t>
      </w:r>
      <w:r w:rsidR="00401B6A" w:rsidRPr="00401B6A">
        <w:t>ț</w:t>
      </w:r>
      <w:r w:rsidRPr="00401B6A">
        <w:t>i să li se acorde acelea</w:t>
      </w:r>
      <w:r w:rsidR="00401B6A" w:rsidRPr="00401B6A">
        <w:t>ș</w:t>
      </w:r>
      <w:r w:rsidRPr="00401B6A">
        <w:t>i drepturi de retransmisie; reaminte</w:t>
      </w:r>
      <w:r w:rsidR="00401B6A" w:rsidRPr="00401B6A">
        <w:t>ș</w:t>
      </w:r>
      <w:r w:rsidRPr="00401B6A">
        <w:t>te că con</w:t>
      </w:r>
      <w:r w:rsidR="00401B6A" w:rsidRPr="00401B6A">
        <w:t>ț</w:t>
      </w:r>
      <w:r w:rsidRPr="00401B6A">
        <w:t>inutul originar din Regatul Unit va fi clasificat în continuare drept „opere europene” după încheierea perioadei de tranzi</w:t>
      </w:r>
      <w:r w:rsidR="00401B6A" w:rsidRPr="00401B6A">
        <w:t>ț</w:t>
      </w:r>
      <w:r w:rsidRPr="00401B6A">
        <w:t>ie atât timp cât operele provenind din state ter</w:t>
      </w:r>
      <w:r w:rsidR="00401B6A" w:rsidRPr="00401B6A">
        <w:t>ț</w:t>
      </w:r>
      <w:r w:rsidRPr="00401B6A">
        <w:t xml:space="preserve">e </w:t>
      </w:r>
      <w:r w:rsidR="00401B6A" w:rsidRPr="00401B6A">
        <w:t>ș</w:t>
      </w:r>
      <w:r w:rsidRPr="00401B6A">
        <w:t>i din state din afara SEE care sunt parte la Conven</w:t>
      </w:r>
      <w:r w:rsidR="00401B6A" w:rsidRPr="00401B6A">
        <w:t>ț</w:t>
      </w:r>
      <w:r w:rsidRPr="00401B6A">
        <w:t>ia Consiliului Europei privind televiziunea transfrontalieră sunt incluse în cota de con</w:t>
      </w:r>
      <w:r w:rsidR="00401B6A" w:rsidRPr="00401B6A">
        <w:t>ț</w:t>
      </w:r>
      <w:r w:rsidRPr="00401B6A">
        <w:t>inut „opere europene”;</w:t>
      </w:r>
    </w:p>
    <w:p w:rsidR="002A6DCC" w:rsidRPr="00401B6A" w:rsidRDefault="002A6DCC" w:rsidP="002A6DCC">
      <w:pPr>
        <w:tabs>
          <w:tab w:val="left" w:pos="-1104"/>
          <w:tab w:val="left" w:pos="-96"/>
          <w:tab w:val="left" w:pos="567"/>
          <w:tab w:val="left" w:pos="672"/>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567" w:hanging="567"/>
        <w:rPr>
          <w:spacing w:val="-2"/>
          <w:szCs w:val="24"/>
        </w:rPr>
      </w:pPr>
    </w:p>
    <w:p w:rsidR="009D564F" w:rsidRPr="00401B6A" w:rsidRDefault="00565425" w:rsidP="002A6DCC">
      <w:pPr>
        <w:spacing w:after="240"/>
        <w:ind w:left="567" w:hanging="567"/>
      </w:pPr>
      <w:r w:rsidRPr="00401B6A">
        <w:t xml:space="preserve">7. </w:t>
      </w:r>
      <w:r w:rsidRPr="00401B6A">
        <w:tab/>
        <w:t xml:space="preserve">salută includerea, în acord cu normele Uniunii, a chestiunilor legate de returnarea sau restituirea către </w:t>
      </w:r>
      <w:r w:rsidR="00401B6A" w:rsidRPr="00401B6A">
        <w:t>ț</w:t>
      </w:r>
      <w:r w:rsidRPr="00401B6A">
        <w:t>ările lor de origine a obiectelor culturale înstrăinate ilegal; reaminte</w:t>
      </w:r>
      <w:r w:rsidR="00401B6A" w:rsidRPr="00401B6A">
        <w:t>ș</w:t>
      </w:r>
      <w:r w:rsidRPr="00401B6A">
        <w:t>te măsurile pe care Uniunea le-a luat în ultimii ani pentru a aborda protec</w:t>
      </w:r>
      <w:r w:rsidR="00401B6A" w:rsidRPr="00401B6A">
        <w:t>ț</w:t>
      </w:r>
      <w:r w:rsidRPr="00401B6A">
        <w:t xml:space="preserve">ia </w:t>
      </w:r>
      <w:r w:rsidR="00401B6A" w:rsidRPr="00401B6A">
        <w:t>ș</w:t>
      </w:r>
      <w:r w:rsidRPr="00401B6A">
        <w:t xml:space="preserve">i conservarea bunurilor culturale </w:t>
      </w:r>
      <w:r w:rsidR="00401B6A" w:rsidRPr="00401B6A">
        <w:t>ș</w:t>
      </w:r>
      <w:r w:rsidRPr="00401B6A">
        <w:t>i subliniază importan</w:t>
      </w:r>
      <w:r w:rsidR="00401B6A" w:rsidRPr="00401B6A">
        <w:t>ț</w:t>
      </w:r>
      <w:r w:rsidRPr="00401B6A">
        <w:t>a continuării cooperării cu Regatul Unit în acest domeniu.</w:t>
      </w:r>
    </w:p>
    <w:sectPr w:rsidR="009D564F" w:rsidRPr="00401B6A" w:rsidSect="0028700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D3CA8" w:rsidRPr="0028700E" w:rsidRDefault="002D3CA8">
      <w:r w:rsidRPr="0028700E">
        <w:separator/>
      </w:r>
    </w:p>
  </w:endnote>
  <w:endnote w:type="continuationSeparator" w:id="0">
    <w:p w:rsidR="002D3CA8" w:rsidRPr="0028700E" w:rsidRDefault="002D3CA8">
      <w:r w:rsidRPr="0028700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700E" w:rsidRPr="0028700E" w:rsidRDefault="0028700E" w:rsidP="0028700E">
    <w:pPr>
      <w:pStyle w:val="EPFooter"/>
    </w:pPr>
    <w:r w:rsidRPr="0028700E">
      <w:t>PE</w:t>
    </w:r>
    <w:r w:rsidRPr="0028700E">
      <w:rPr>
        <w:rStyle w:val="HideTWBExt"/>
        <w:noProof w:val="0"/>
      </w:rPr>
      <w:t>&lt;NoPE&gt;</w:t>
    </w:r>
    <w:r w:rsidRPr="0028700E">
      <w:t>650.453</w:t>
    </w:r>
    <w:r w:rsidRPr="0028700E">
      <w:rPr>
        <w:rStyle w:val="HideTWBExt"/>
        <w:noProof w:val="0"/>
      </w:rPr>
      <w:t>&lt;/NoPE&gt;&lt;Version&gt;</w:t>
    </w:r>
    <w:r w:rsidRPr="0028700E">
      <w:t>v02-00</w:t>
    </w:r>
    <w:r w:rsidRPr="0028700E">
      <w:rPr>
        <w:rStyle w:val="HideTWBExt"/>
        <w:noProof w:val="0"/>
      </w:rPr>
      <w:t>&lt;/Version&gt;</w:t>
    </w:r>
    <w:r w:rsidRPr="0028700E">
      <w:tab/>
    </w:r>
    <w:r w:rsidRPr="0028700E">
      <w:fldChar w:fldCharType="begin"/>
    </w:r>
    <w:r w:rsidRPr="0028700E">
      <w:instrText xml:space="preserve"> PAGE  \* MERGEFORMAT </w:instrText>
    </w:r>
    <w:r w:rsidRPr="0028700E">
      <w:fldChar w:fldCharType="separate"/>
    </w:r>
    <w:r w:rsidR="00401B6A">
      <w:rPr>
        <w:noProof/>
      </w:rPr>
      <w:t>2</w:t>
    </w:r>
    <w:r w:rsidRPr="0028700E">
      <w:fldChar w:fldCharType="end"/>
    </w:r>
    <w:r w:rsidRPr="0028700E">
      <w:t>/</w:t>
    </w:r>
    <w:r w:rsidRPr="0028700E">
      <w:fldChar w:fldCharType="begin"/>
    </w:r>
    <w:r w:rsidRPr="0028700E">
      <w:instrText xml:space="preserve"> NUMPAGES  \* MERGEFORMAT </w:instrText>
    </w:r>
    <w:r w:rsidRPr="0028700E">
      <w:fldChar w:fldCharType="separate"/>
    </w:r>
    <w:r w:rsidR="00401B6A">
      <w:rPr>
        <w:noProof/>
      </w:rPr>
      <w:t>3</w:t>
    </w:r>
    <w:r w:rsidRPr="0028700E">
      <w:fldChar w:fldCharType="end"/>
    </w:r>
    <w:r w:rsidRPr="0028700E">
      <w:tab/>
    </w:r>
    <w:r w:rsidRPr="0028700E">
      <w:rPr>
        <w:rStyle w:val="HideTWBExt"/>
        <w:noProof w:val="0"/>
      </w:rPr>
      <w:t>&lt;PathFdR&gt;</w:t>
    </w:r>
    <w:r w:rsidRPr="0028700E">
      <w:t>AL\1205071RO.docx</w:t>
    </w:r>
    <w:r w:rsidRPr="0028700E">
      <w:rPr>
        <w:rStyle w:val="HideTWBExt"/>
        <w:noProof w:val="0"/>
      </w:rPr>
      <w:t>&lt;/PathFdR&gt;</w:t>
    </w:r>
  </w:p>
  <w:p w:rsidR="00000C7D" w:rsidRPr="0028700E" w:rsidRDefault="0028700E" w:rsidP="0028700E">
    <w:pPr>
      <w:pStyle w:val="EPFooter2"/>
    </w:pPr>
    <w:r w:rsidRPr="0028700E">
      <w:t>RO</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700E" w:rsidRPr="0028700E" w:rsidRDefault="0028700E" w:rsidP="0028700E">
    <w:pPr>
      <w:pStyle w:val="EPFooter"/>
    </w:pPr>
    <w:r w:rsidRPr="0028700E">
      <w:rPr>
        <w:rStyle w:val="HideTWBExt"/>
        <w:noProof w:val="0"/>
      </w:rPr>
      <w:t>&lt;PathFdR&gt;</w:t>
    </w:r>
    <w:r w:rsidRPr="0028700E">
      <w:t>AL\1205071RO.docx</w:t>
    </w:r>
    <w:r w:rsidRPr="0028700E">
      <w:rPr>
        <w:rStyle w:val="HideTWBExt"/>
        <w:noProof w:val="0"/>
      </w:rPr>
      <w:t>&lt;/PathFdR&gt;</w:t>
    </w:r>
    <w:r w:rsidRPr="0028700E">
      <w:tab/>
    </w:r>
    <w:r w:rsidRPr="0028700E">
      <w:fldChar w:fldCharType="begin"/>
    </w:r>
    <w:r w:rsidRPr="0028700E">
      <w:instrText xml:space="preserve"> PAGE  \* MERGEFORMAT </w:instrText>
    </w:r>
    <w:r w:rsidRPr="0028700E">
      <w:fldChar w:fldCharType="separate"/>
    </w:r>
    <w:r w:rsidR="00401B6A">
      <w:rPr>
        <w:noProof/>
      </w:rPr>
      <w:t>1</w:t>
    </w:r>
    <w:r w:rsidRPr="0028700E">
      <w:fldChar w:fldCharType="end"/>
    </w:r>
    <w:r w:rsidRPr="0028700E">
      <w:t>/</w:t>
    </w:r>
    <w:r w:rsidRPr="0028700E">
      <w:fldChar w:fldCharType="begin"/>
    </w:r>
    <w:r w:rsidRPr="0028700E">
      <w:instrText xml:space="preserve"> NUMPAGES  \* MERGEFORMAT </w:instrText>
    </w:r>
    <w:r w:rsidRPr="0028700E">
      <w:fldChar w:fldCharType="separate"/>
    </w:r>
    <w:r w:rsidR="00401B6A">
      <w:rPr>
        <w:noProof/>
      </w:rPr>
      <w:t>1</w:t>
    </w:r>
    <w:r w:rsidRPr="0028700E">
      <w:fldChar w:fldCharType="end"/>
    </w:r>
    <w:r w:rsidRPr="0028700E">
      <w:tab/>
      <w:t>PE</w:t>
    </w:r>
    <w:r w:rsidRPr="0028700E">
      <w:rPr>
        <w:rStyle w:val="HideTWBExt"/>
        <w:noProof w:val="0"/>
      </w:rPr>
      <w:t>&lt;NoPE&gt;</w:t>
    </w:r>
    <w:r w:rsidRPr="0028700E">
      <w:t>650.453</w:t>
    </w:r>
    <w:r w:rsidRPr="0028700E">
      <w:rPr>
        <w:rStyle w:val="HideTWBExt"/>
        <w:noProof w:val="0"/>
      </w:rPr>
      <w:t>&lt;/NoPE&gt;&lt;Version&gt;</w:t>
    </w:r>
    <w:r w:rsidRPr="0028700E">
      <w:t>v02-00</w:t>
    </w:r>
    <w:r w:rsidRPr="0028700E">
      <w:rPr>
        <w:rStyle w:val="HideTWBExt"/>
        <w:noProof w:val="0"/>
      </w:rPr>
      <w:t>&lt;/Version&gt;</w:t>
    </w:r>
  </w:p>
  <w:p w:rsidR="00000C7D" w:rsidRPr="0028700E" w:rsidRDefault="0028700E" w:rsidP="0028700E">
    <w:pPr>
      <w:pStyle w:val="EPFooter2"/>
    </w:pPr>
    <w:r w:rsidRPr="0028700E">
      <w:tab/>
    </w:r>
    <w:r w:rsidRPr="0028700E">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700E" w:rsidRPr="0028700E" w:rsidRDefault="0028700E" w:rsidP="0028700E">
    <w:pPr>
      <w:pStyle w:val="EPFooter"/>
    </w:pPr>
    <w:r w:rsidRPr="0028700E">
      <w:rPr>
        <w:rStyle w:val="HideTWBExt"/>
        <w:noProof w:val="0"/>
      </w:rPr>
      <w:t>&lt;PathFdR&gt;</w:t>
    </w:r>
    <w:r w:rsidRPr="0028700E">
      <w:t>AL\1205071RO.docx</w:t>
    </w:r>
    <w:r w:rsidRPr="0028700E">
      <w:rPr>
        <w:rStyle w:val="HideTWBExt"/>
        <w:noProof w:val="0"/>
      </w:rPr>
      <w:t>&lt;/PathFdR&gt;</w:t>
    </w:r>
    <w:r w:rsidRPr="0028700E">
      <w:tab/>
    </w:r>
    <w:r w:rsidRPr="0028700E">
      <w:tab/>
      <w:t>PE</w:t>
    </w:r>
    <w:r w:rsidRPr="0028700E">
      <w:rPr>
        <w:rStyle w:val="HideTWBExt"/>
        <w:noProof w:val="0"/>
      </w:rPr>
      <w:t>&lt;NoPE&gt;</w:t>
    </w:r>
    <w:r w:rsidRPr="0028700E">
      <w:t>650.453</w:t>
    </w:r>
    <w:r w:rsidRPr="0028700E">
      <w:rPr>
        <w:rStyle w:val="HideTWBExt"/>
        <w:noProof w:val="0"/>
      </w:rPr>
      <w:t>&lt;/NoPE&gt;&lt;Version&gt;</w:t>
    </w:r>
    <w:r w:rsidRPr="0028700E">
      <w:t>v02-00</w:t>
    </w:r>
    <w:r w:rsidRPr="0028700E">
      <w:rPr>
        <w:rStyle w:val="HideTWBExt"/>
        <w:noProof w:val="0"/>
      </w:rPr>
      <w:t>&lt;/Version&gt;</w:t>
    </w:r>
  </w:p>
  <w:p w:rsidR="00000C7D" w:rsidRPr="0028700E" w:rsidRDefault="0028700E" w:rsidP="0028700E">
    <w:pPr>
      <w:pStyle w:val="EPFooter2"/>
    </w:pPr>
    <w:r w:rsidRPr="0028700E">
      <w:t>RO</w:t>
    </w:r>
    <w:r w:rsidRPr="0028700E">
      <w:tab/>
    </w:r>
    <w:r w:rsidRPr="0028700E">
      <w:rPr>
        <w:b w:val="0"/>
        <w:i/>
        <w:color w:val="C0C0C0"/>
        <w:sz w:val="22"/>
      </w:rPr>
      <w:t>Unită în diversitate</w:t>
    </w:r>
    <w:r w:rsidRPr="0028700E">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D3CA8" w:rsidRPr="0028700E" w:rsidRDefault="002D3CA8">
      <w:r w:rsidRPr="0028700E">
        <w:separator/>
      </w:r>
    </w:p>
  </w:footnote>
  <w:footnote w:type="continuationSeparator" w:id="0">
    <w:p w:rsidR="002D3CA8" w:rsidRPr="0028700E" w:rsidRDefault="002D3CA8">
      <w:r w:rsidRPr="0028700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1B6A" w:rsidRDefault="00401B6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1B6A" w:rsidRDefault="00401B6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1B6A" w:rsidRDefault="00401B6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DDRESSMNU" w:val=" 1"/>
    <w:docVar w:name="CJMNU" w:val=" 2"/>
    <w:docVar w:name="COM2KEY" w:val="AFET"/>
    <w:docVar w:name="COM3KEY" w:val="AFET"/>
    <w:docVar w:name="COMKEY" w:val="CULT"/>
    <w:docVar w:name="LastEditedSection" w:val=" 1"/>
    <w:docVar w:name="MEE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574438 HideTWBInt;}{_x000d__x000a_\s18\ql \fi-567\li567\ri0\sa240\nowidctlpar\wrapdefault\aspalpha\aspnum\faauto\adjustright\rin0\lin567\itap0 \rtlch\fcs1 \af0\afs20\alang1025 \ltrch\fcs0 \fs24\lang2057\langfe2057\cgrid\langnp2057\langfenp2057 _x000d__x000a_\sbasedon0 \snext18 \spriority0 \styrsid13574438 NormalHanging12a;}}{\*\rsidtbl \rsid24658\rsid223860\rsid735077\rsid1718133\rsid2112121\rsid2892074\rsid3565327\rsid4666813\rsid6641733\rsid7823322\rsid9636012\rsid10377208\rsid11215221\rsid11549030_x000d__x000a_\rsid12154954\rsid13574438\rsid14382809\rsid14424199\rsid15204470\rsid15285974\rsid15950462\rsid16324206\rsid16662270}{\mmathPr\mmathFont34\mbrkBin0\mbrkBinSub0\msmallFrac0\mdispDef1\mlMargin0\mrMargin0\mdefJc1\mwrapIndent1440\mintLim0\mnaryLim1}{\info_x000d__x000a_{\author PAAKKOLA Kirsti}{\operator PAAKKOLA Kirsti}{\creatim\yr2020\mo4\dy14\hr16\min29}{\revtim\yr2020\mo4\dy14\hr16\min29}{\version1}{\edmins0}{\nofpages1}{\nofwords1}{\nofchars12}{\nofcharsws12}{\vern99}}{\*\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574438\newtblstyruls\nogrowautofit\usenormstyforlist\noindnmbrts\felnbrelev\nocxsptable\indrlsweleven\noafcnsttbl\afelev\utinl\hwelev\spltpgpar\notcvasp\notbrkcnstfrctbl\notvatxbx\krnprsnet\cachedcolbal _x000d__x000a_\nouicompat \fet0{\*\wgrffmtfilter 013f}\nofeaturethrottle1\ilfomacatclnup0{\*\template C:\\Users\\KPAAKK~1\\AppData\\Local\\Temp\\Blank1.dotx}{\*\ftnsep \ltrpar \pard\plain \ltrpar_x000d__x000a_\ql \li0\ri0\widctlpar\wrapdefault\aspalpha\aspnum\faauto\adjustright\rin0\lin0\itap0 \rtlch\fcs1 \af0\afs20\alang1025 \ltrch\fcs0 \fs24\lang2057\langfe2057\cgrid\langnp2057\langfenp2057 {\rtlch\fcs1 \af0 \ltrch\fcs0 \insrsid2112121 \chftnsep _x000d__x000a_\par }}{\*\ftnsepc \ltrpar \pard\plain \ltrpar\ql \li0\ri0\widctlpar\wrapdefault\aspalpha\aspnum\faauto\adjustright\rin0\lin0\itap0 \rtlch\fcs1 \af0\afs20\alang1025 \ltrch\fcs0 \fs24\lang2057\langfe2057\cgrid\langnp2057\langfenp2057 {\rtlch\fcs1 \af0 _x000d__x000a_\ltrch\fcs0 \insrsid2112121 \chftnsepc _x000d__x000a_\par }}{\*\aftnsep \ltrpar \pard\plain \ltrpar\ql \li0\ri0\widctlpar\wrapdefault\aspalpha\aspnum\faauto\adjustright\rin0\lin0\itap0 \rtlch\fcs1 \af0\afs20\alang1025 \ltrch\fcs0 \fs24\lang2057\langfe2057\cgrid\langnp2057\langfenp2057 {\rtlch\fcs1 \af0 _x000d__x000a_\ltrch\fcs0 \insrsid2112121 \chftnsep _x000d__x000a_\par }}{\*\aftnsepc \ltrpar \pard\plain \ltrpar\ql \li0\ri0\widctlpar\wrapdefault\aspalpha\aspnum\faauto\adjustright\rin0\lin0\itap0 \rtlch\fcs1 \af0\afs20\alang1025 \ltrch\fcs0 \fs24\lang2057\langfe2057\cgrid\langnp2057\langfenp2057 {\rtlch\fcs1 \af0 _x000d__x000a_\ltrch\fcs0 \insrsid21121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574438 \rtlch\fcs1 \af0\afs20\alang1025 \ltrch\fcs0 \fs24\lang2057\langfe2057\cgrid\langnp2057\langfenp2057 {\rtlch\fcs1 \af0 _x000d__x000a_\ltrch\fcs0 \insrsid13574438\charrsid2964648 {\*\bkmkstart restart}#}{\rtlch\fcs1 \af1 \ltrch\fcs0 \cs17\v\f1\fs20\cf15\insrsid13574438\charrsid2964648 NRMSG}{\rtlch\fcs1 \af0 \ltrch\fcs0 \insrsid13574438\charrsid2964648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8_x000d__x000a_b12a691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L_Com"/>
    <w:docVar w:name="strSubDir" w:val="1205"/>
    <w:docVar w:name="TXTLANGUE" w:val="EN"/>
    <w:docVar w:name="TXTLANGUEMIN" w:val="en"/>
    <w:docVar w:name="TXTNRPE" w:val="650.453"/>
    <w:docVar w:name="TXTPEorAP" w:val="PE"/>
    <w:docVar w:name="TXTROUTE" w:val="AL\1205071EN.docx"/>
    <w:docVar w:name="TXTVERSION" w:val="02-00"/>
  </w:docVars>
  <w:rsids>
    <w:rsidRoot w:val="002D3CA8"/>
    <w:rsid w:val="00000C7D"/>
    <w:rsid w:val="00035402"/>
    <w:rsid w:val="000923BD"/>
    <w:rsid w:val="00140049"/>
    <w:rsid w:val="00161B1B"/>
    <w:rsid w:val="001924F0"/>
    <w:rsid w:val="001D1646"/>
    <w:rsid w:val="001E1ECB"/>
    <w:rsid w:val="0028700E"/>
    <w:rsid w:val="002A6DCC"/>
    <w:rsid w:val="002D3CA8"/>
    <w:rsid w:val="002F3C5F"/>
    <w:rsid w:val="003000D7"/>
    <w:rsid w:val="003740E8"/>
    <w:rsid w:val="003763A3"/>
    <w:rsid w:val="003B10B7"/>
    <w:rsid w:val="003C6D88"/>
    <w:rsid w:val="00401B6A"/>
    <w:rsid w:val="004216D2"/>
    <w:rsid w:val="00444113"/>
    <w:rsid w:val="00482DA5"/>
    <w:rsid w:val="00493031"/>
    <w:rsid w:val="004D0D33"/>
    <w:rsid w:val="004D35EA"/>
    <w:rsid w:val="004F676F"/>
    <w:rsid w:val="00501E47"/>
    <w:rsid w:val="00565425"/>
    <w:rsid w:val="005B167A"/>
    <w:rsid w:val="00604B0E"/>
    <w:rsid w:val="006E349F"/>
    <w:rsid w:val="007179A7"/>
    <w:rsid w:val="00722A49"/>
    <w:rsid w:val="00736D36"/>
    <w:rsid w:val="007732C5"/>
    <w:rsid w:val="007810DA"/>
    <w:rsid w:val="007829F6"/>
    <w:rsid w:val="007B162F"/>
    <w:rsid w:val="007B5A4E"/>
    <w:rsid w:val="007C3F41"/>
    <w:rsid w:val="0080636E"/>
    <w:rsid w:val="008249C6"/>
    <w:rsid w:val="00853AFA"/>
    <w:rsid w:val="00862D62"/>
    <w:rsid w:val="009269EB"/>
    <w:rsid w:val="009C0ABB"/>
    <w:rsid w:val="009D564F"/>
    <w:rsid w:val="009F796C"/>
    <w:rsid w:val="00A02156"/>
    <w:rsid w:val="00A10666"/>
    <w:rsid w:val="00A31FC7"/>
    <w:rsid w:val="00A61B6A"/>
    <w:rsid w:val="00AC0580"/>
    <w:rsid w:val="00B03648"/>
    <w:rsid w:val="00B454AC"/>
    <w:rsid w:val="00B61A16"/>
    <w:rsid w:val="00BB7240"/>
    <w:rsid w:val="00C127ED"/>
    <w:rsid w:val="00CC18A9"/>
    <w:rsid w:val="00CE1655"/>
    <w:rsid w:val="00D77EF1"/>
    <w:rsid w:val="00D92A83"/>
    <w:rsid w:val="00DB0EE7"/>
    <w:rsid w:val="00E148FC"/>
    <w:rsid w:val="00E56898"/>
    <w:rsid w:val="00E71F4C"/>
    <w:rsid w:val="00E771D1"/>
    <w:rsid w:val="00F22C57"/>
    <w:rsid w:val="00F4152B"/>
    <w:rsid w:val="00F70D50"/>
    <w:rsid w:val="00F96EAB"/>
    <w:rsid w:val="00FC705F"/>
    <w:rsid w:val="00FC778B"/>
    <w:rsid w:val="00FF72FA"/>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B5100B8-538E-45D9-9FC6-DE7A0F4A8E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rPr>
      <w:rFonts w:ascii="Arial" w:hAnsi="Arial" w:cs="Arial"/>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customStyle="1" w:styleId="Signature2">
    <w:name w:val="Signature2"/>
    <w:basedOn w:val="Normal"/>
    <w:rsid w:val="00CC18A9"/>
    <w:pPr>
      <w:tabs>
        <w:tab w:val="left" w:pos="5670"/>
      </w:tabs>
      <w:spacing w:after="480"/>
    </w:pPr>
  </w:style>
  <w:style w:type="paragraph" w:styleId="Footer">
    <w:name w:val="footer"/>
    <w:basedOn w:val="Normal"/>
    <w:link w:val="FooterChar"/>
    <w:semiHidden/>
    <w:rsid w:val="00CC18A9"/>
    <w:pPr>
      <w:tabs>
        <w:tab w:val="center" w:pos="4513"/>
        <w:tab w:val="right" w:pos="9026"/>
      </w:tabs>
    </w:pPr>
  </w:style>
  <w:style w:type="character" w:customStyle="1" w:styleId="FooterChar">
    <w:name w:val="Footer Char"/>
    <w:basedOn w:val="DefaultParagraphFont"/>
    <w:link w:val="Footer"/>
    <w:semiHidden/>
    <w:rsid w:val="00CC18A9"/>
    <w:rPr>
      <w:sz w:val="24"/>
    </w:rPr>
  </w:style>
  <w:style w:type="paragraph" w:styleId="BalloonText">
    <w:name w:val="Balloon Text"/>
    <w:basedOn w:val="Normal"/>
    <w:link w:val="BalloonTextChar"/>
    <w:rsid w:val="002A6DCC"/>
    <w:rPr>
      <w:rFonts w:ascii="Segoe UI" w:hAnsi="Segoe UI" w:cs="Segoe UI"/>
      <w:sz w:val="18"/>
      <w:szCs w:val="18"/>
    </w:rPr>
  </w:style>
  <w:style w:type="character" w:customStyle="1" w:styleId="BalloonTextChar">
    <w:name w:val="Balloon Text Char"/>
    <w:basedOn w:val="DefaultParagraphFont"/>
    <w:link w:val="BalloonText"/>
    <w:rsid w:val="002A6DC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3332317">
      <w:bodyDiv w:val="1"/>
      <w:marLeft w:val="0"/>
      <w:marRight w:val="0"/>
      <w:marTop w:val="0"/>
      <w:marBottom w:val="0"/>
      <w:divBdr>
        <w:top w:val="none" w:sz="0" w:space="0" w:color="auto"/>
        <w:left w:val="none" w:sz="0" w:space="0" w:color="auto"/>
        <w:bottom w:val="none" w:sz="0" w:space="0" w:color="auto"/>
        <w:right w:val="none" w:sz="0" w:space="0" w:color="auto"/>
      </w:divBdr>
    </w:div>
    <w:div w:id="1156187349">
      <w:bodyDiv w:val="1"/>
      <w:marLeft w:val="0"/>
      <w:marRight w:val="0"/>
      <w:marTop w:val="0"/>
      <w:marBottom w:val="0"/>
      <w:divBdr>
        <w:top w:val="none" w:sz="0" w:space="0" w:color="auto"/>
        <w:left w:val="none" w:sz="0" w:space="0" w:color="auto"/>
        <w:bottom w:val="none" w:sz="0" w:space="0" w:color="auto"/>
        <w:right w:val="none" w:sz="0" w:space="0" w:color="auto"/>
      </w:divBdr>
    </w:div>
    <w:div w:id="1375696089">
      <w:bodyDiv w:val="1"/>
      <w:marLeft w:val="0"/>
      <w:marRight w:val="0"/>
      <w:marTop w:val="0"/>
      <w:marBottom w:val="0"/>
      <w:divBdr>
        <w:top w:val="none" w:sz="0" w:space="0" w:color="auto"/>
        <w:left w:val="none" w:sz="0" w:space="0" w:color="auto"/>
        <w:bottom w:val="none" w:sz="0" w:space="0" w:color="auto"/>
        <w:right w:val="none" w:sz="0" w:space="0" w:color="auto"/>
      </w:divBdr>
    </w:div>
    <w:div w:id="1537934463">
      <w:bodyDiv w:val="1"/>
      <w:marLeft w:val="0"/>
      <w:marRight w:val="0"/>
      <w:marTop w:val="0"/>
      <w:marBottom w:val="0"/>
      <w:divBdr>
        <w:top w:val="none" w:sz="0" w:space="0" w:color="auto"/>
        <w:left w:val="none" w:sz="0" w:space="0" w:color="auto"/>
        <w:bottom w:val="none" w:sz="0" w:space="0" w:color="auto"/>
        <w:right w:val="none" w:sz="0" w:space="0" w:color="auto"/>
      </w:divBdr>
    </w:div>
    <w:div w:id="1553536597">
      <w:bodyDiv w:val="1"/>
      <w:marLeft w:val="0"/>
      <w:marRight w:val="0"/>
      <w:marTop w:val="0"/>
      <w:marBottom w:val="0"/>
      <w:divBdr>
        <w:top w:val="none" w:sz="0" w:space="0" w:color="auto"/>
        <w:left w:val="none" w:sz="0" w:space="0" w:color="auto"/>
        <w:bottom w:val="none" w:sz="0" w:space="0" w:color="auto"/>
        <w:right w:val="none" w:sz="0" w:space="0" w:color="auto"/>
      </w:divBdr>
    </w:div>
    <w:div w:id="1568760820">
      <w:bodyDiv w:val="1"/>
      <w:marLeft w:val="0"/>
      <w:marRight w:val="0"/>
      <w:marTop w:val="0"/>
      <w:marBottom w:val="0"/>
      <w:divBdr>
        <w:top w:val="none" w:sz="0" w:space="0" w:color="auto"/>
        <w:left w:val="none" w:sz="0" w:space="0" w:color="auto"/>
        <w:bottom w:val="none" w:sz="0" w:space="0" w:color="auto"/>
        <w:right w:val="none" w:sz="0" w:space="0" w:color="auto"/>
      </w:divBdr>
    </w:div>
    <w:div w:id="1653555870">
      <w:bodyDiv w:val="1"/>
      <w:marLeft w:val="0"/>
      <w:marRight w:val="0"/>
      <w:marTop w:val="0"/>
      <w:marBottom w:val="0"/>
      <w:divBdr>
        <w:top w:val="none" w:sz="0" w:space="0" w:color="auto"/>
        <w:left w:val="none" w:sz="0" w:space="0" w:color="auto"/>
        <w:bottom w:val="none" w:sz="0" w:space="0" w:color="auto"/>
        <w:right w:val="none" w:sz="0" w:space="0" w:color="auto"/>
      </w:divBdr>
    </w:div>
    <w:div w:id="205792674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2A49BED.dotm</Template>
  <TotalTime>0</TotalTime>
  <Pages>3</Pages>
  <Words>1073</Words>
  <Characters>6575</Characters>
  <Application>Microsoft Office Word</Application>
  <DocSecurity>0</DocSecurity>
  <Lines>126</Lines>
  <Paragraphs>41</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76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subject/>
  <dc:creator>PAAKKOLA Kirsti</dc:creator>
  <cp:keywords/>
  <dc:description/>
  <cp:lastModifiedBy>DIACONESCU Simona</cp:lastModifiedBy>
  <cp:revision>2</cp:revision>
  <cp:lastPrinted>2004-06-24T10:04:00Z</cp:lastPrinted>
  <dcterms:created xsi:type="dcterms:W3CDTF">2020-06-02T08:00:00Z</dcterms:created>
  <dcterms:modified xsi:type="dcterms:W3CDTF">2020-06-02T08: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9.0 Build [20200302]</vt:lpwstr>
  </property>
  <property fmtid="{D5CDD505-2E9C-101B-9397-08002B2CF9AE}" pid="4" name="&lt;FdR&gt;">
    <vt:lpwstr>1205071</vt:lpwstr>
  </property>
  <property fmtid="{D5CDD505-2E9C-101B-9397-08002B2CF9AE}" pid="5" name="&lt;Type&gt;">
    <vt:lpwstr>AL</vt:lpwstr>
  </property>
  <property fmtid="{D5CDD505-2E9C-101B-9397-08002B2CF9AE}" pid="6" name="&lt;ModelCod&gt;">
    <vt:lpwstr>\\eiciBRUpr1\pdocep$\DocEP\DOCS\General\AL\AL_Com.dotx(15/10/2019 07:18:35)</vt:lpwstr>
  </property>
  <property fmtid="{D5CDD505-2E9C-101B-9397-08002B2CF9AE}" pid="7" name="&lt;ModelTra&gt;">
    <vt:lpwstr>\\eiciBRUpr1\pdocep$\DocEP\TRANSFIL\EN\AL_Com.EN(03/09/2019 16:40:02)</vt:lpwstr>
  </property>
  <property fmtid="{D5CDD505-2E9C-101B-9397-08002B2CF9AE}" pid="8" name="&lt;Model&gt;">
    <vt:lpwstr>AL_Com</vt:lpwstr>
  </property>
  <property fmtid="{D5CDD505-2E9C-101B-9397-08002B2CF9AE}" pid="9" name="FooterPath">
    <vt:lpwstr>AL\1205071RO.docx</vt:lpwstr>
  </property>
  <property fmtid="{D5CDD505-2E9C-101B-9397-08002B2CF9AE}" pid="10" name="PE number">
    <vt:lpwstr>650.453</vt:lpwstr>
  </property>
  <property fmtid="{D5CDD505-2E9C-101B-9397-08002B2CF9AE}" pid="11" name="SendToEpades">
    <vt:lpwstr>OK - 2020/05/13 11:04</vt:lpwstr>
  </property>
  <property fmtid="{D5CDD505-2E9C-101B-9397-08002B2CF9AE}" pid="12" name="SubscribeElise">
    <vt:lpwstr/>
  </property>
  <property fmtid="{D5CDD505-2E9C-101B-9397-08002B2CF9AE}" pid="13" name="SDLStudio">
    <vt:lpwstr/>
  </property>
  <property fmtid="{D5CDD505-2E9C-101B-9397-08002B2CF9AE}" pid="14" name="&lt;Extension&gt;">
    <vt:lpwstr>RO</vt:lpwstr>
  </property>
</Properties>
</file>